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niihama.local\rds\users\s12765\Downloads\"/>
    </mc:Choice>
  </mc:AlternateContent>
  <bookViews>
    <workbookView xWindow="0" yWindow="0" windowWidth="23040" windowHeight="8976"/>
  </bookViews>
  <sheets>
    <sheet name="（介護予防）認知症対応型共同生活介護添付書類一覧" sheetId="2" r:id="rId1"/>
  </sheets>
  <externalReferences>
    <externalReference r:id="rId2"/>
    <externalReference r:id="rId3"/>
    <externalReference r:id="rId4"/>
    <externalReference r:id="rId5"/>
  </externalReferences>
  <definedNames>
    <definedName name="__xlfn_IFERROR">#N/A</definedName>
    <definedName name="ｋ">#REF!</definedName>
    <definedName name="_xlnm.Print_Area" localSheetId="0">'（介護予防）認知症対応型共同生活介護添付書類一覧'!$A$1:$C$38</definedName>
    <definedName name="www">#REF!</definedName>
    <definedName name="サービス">#REF!</definedName>
    <definedName name="サービス種別">[1]サービス種類一覧!$B$4:$B$20</definedName>
    <definedName name="サービス種類">[2]サービス種類一覧!$C$4:$C$20</definedName>
    <definedName name="サービス名">#REF!</definedName>
    <definedName name="サービス名称">#REF!</definedName>
    <definedName name="だだ">#REF!</definedName>
    <definedName name="っっｋ">#REF!</definedName>
    <definedName name="っっっっｌ">#REF!</definedName>
    <definedName name="一覧">[3]加算率一覧!$A$4:$A$25</definedName>
    <definedName name="確認">#REF!</definedName>
    <definedName name="種類">[4]サービス種類一覧!$A$4:$A$20</definedName>
    <definedName name="特定">#REF!</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59" uniqueCount="50">
  <si>
    <t>加算の算定に必要な添付書類一覧表</t>
    <rPh sb="0" eb="2">
      <t>カサン</t>
    </rPh>
    <rPh sb="3" eb="5">
      <t>サンテイ</t>
    </rPh>
    <rPh sb="6" eb="8">
      <t>ヒツヨウ</t>
    </rPh>
    <rPh sb="9" eb="11">
      <t>テンプ</t>
    </rPh>
    <rPh sb="11" eb="13">
      <t>ショルイ</t>
    </rPh>
    <rPh sb="13" eb="15">
      <t>イチラン</t>
    </rPh>
    <rPh sb="15" eb="16">
      <t>ヒョウ</t>
    </rPh>
    <phoneticPr fontId="1"/>
  </si>
  <si>
    <t>サービスの種類</t>
    <rPh sb="5" eb="7">
      <t>シュルイ</t>
    </rPh>
    <phoneticPr fontId="1"/>
  </si>
  <si>
    <t>加算内容</t>
    <rPh sb="0" eb="1">
      <t>カ</t>
    </rPh>
    <rPh sb="1" eb="2">
      <t>ザン</t>
    </rPh>
    <rPh sb="2" eb="3">
      <t>ナイ</t>
    </rPh>
    <rPh sb="3" eb="4">
      <t>カタチ</t>
    </rPh>
    <phoneticPr fontId="1"/>
  </si>
  <si>
    <t>添付書類（共通書類を除く）</t>
    <rPh sb="0" eb="2">
      <t>テンプ</t>
    </rPh>
    <rPh sb="2" eb="4">
      <t>ショルイ</t>
    </rPh>
    <rPh sb="5" eb="7">
      <t>キョウツウ</t>
    </rPh>
    <rPh sb="7" eb="9">
      <t>ショルイ</t>
    </rPh>
    <rPh sb="10" eb="11">
      <t>ノゾ</t>
    </rPh>
    <phoneticPr fontId="1"/>
  </si>
  <si>
    <t>LIFEへの登録</t>
    <rPh sb="6" eb="8">
      <t>トウロク</t>
    </rPh>
    <phoneticPr fontId="1"/>
  </si>
  <si>
    <t>夜間勤務条件基準</t>
    <rPh sb="0" eb="2">
      <t>ヤカン</t>
    </rPh>
    <rPh sb="2" eb="4">
      <t>キンム</t>
    </rPh>
    <rPh sb="4" eb="6">
      <t>ジョウケン</t>
    </rPh>
    <rPh sb="6" eb="8">
      <t>キジュン</t>
    </rPh>
    <phoneticPr fontId="1"/>
  </si>
  <si>
    <t>職員の欠員による減算の状況</t>
    <rPh sb="0" eb="2">
      <t>ショクイン</t>
    </rPh>
    <rPh sb="3" eb="5">
      <t>ケツイン</t>
    </rPh>
    <rPh sb="8" eb="10">
      <t>ゲンサン</t>
    </rPh>
    <rPh sb="11" eb="13">
      <t>ジョウキョウ</t>
    </rPh>
    <phoneticPr fontId="1"/>
  </si>
  <si>
    <t>３ユニットの事業所が夜勤職員を２人以上とする場合</t>
    <phoneticPr fontId="1"/>
  </si>
  <si>
    <t>身体拘束廃止取組の有無</t>
    <rPh sb="0" eb="2">
      <t>シンタイ</t>
    </rPh>
    <rPh sb="2" eb="4">
      <t>コウソク</t>
    </rPh>
    <rPh sb="4" eb="6">
      <t>ハイシ</t>
    </rPh>
    <rPh sb="6" eb="8">
      <t>トリクミ</t>
    </rPh>
    <rPh sb="9" eb="11">
      <t>ウム</t>
    </rPh>
    <phoneticPr fontId="1"/>
  </si>
  <si>
    <t>・（減算が解消される場合のみ）改善計画に基づく改善状況報告書</t>
    <rPh sb="2" eb="4">
      <t>ゲンサン</t>
    </rPh>
    <rPh sb="5" eb="7">
      <t>カイショウ</t>
    </rPh>
    <rPh sb="10" eb="12">
      <t>バアイ</t>
    </rPh>
    <rPh sb="15" eb="17">
      <t>カイゼン</t>
    </rPh>
    <rPh sb="17" eb="19">
      <t>ケイカク</t>
    </rPh>
    <rPh sb="20" eb="21">
      <t>モト</t>
    </rPh>
    <rPh sb="23" eb="25">
      <t>カイゼン</t>
    </rPh>
    <rPh sb="25" eb="27">
      <t>ジョウキョウ</t>
    </rPh>
    <rPh sb="27" eb="30">
      <t>ホウコクショ</t>
    </rPh>
    <phoneticPr fontId="1"/>
  </si>
  <si>
    <t>夜間支援体制加算</t>
    <rPh sb="0" eb="2">
      <t>ヤカン</t>
    </rPh>
    <rPh sb="2" eb="4">
      <t>シエン</t>
    </rPh>
    <rPh sb="4" eb="6">
      <t>タイセイ</t>
    </rPh>
    <rPh sb="6" eb="8">
      <t>カサン</t>
    </rPh>
    <phoneticPr fontId="1"/>
  </si>
  <si>
    <t>若年性認知症利用者受入加算</t>
    <rPh sb="0" eb="3">
      <t>ジャクネンセイ</t>
    </rPh>
    <rPh sb="3" eb="6">
      <t>ニンチショウ</t>
    </rPh>
    <rPh sb="6" eb="9">
      <t>リヨウシャ</t>
    </rPh>
    <rPh sb="9" eb="10">
      <t>ウ</t>
    </rPh>
    <rPh sb="10" eb="11">
      <t>イ</t>
    </rPh>
    <rPh sb="11" eb="13">
      <t>カサン</t>
    </rPh>
    <phoneticPr fontId="1"/>
  </si>
  <si>
    <t>利用者の入院期間中の体制</t>
    <rPh sb="0" eb="3">
      <t>リヨウシャ</t>
    </rPh>
    <rPh sb="4" eb="6">
      <t>ニュウイン</t>
    </rPh>
    <rPh sb="6" eb="9">
      <t>キカンチュウ</t>
    </rPh>
    <rPh sb="10" eb="12">
      <t>タイセイ</t>
    </rPh>
    <phoneticPr fontId="1"/>
  </si>
  <si>
    <t>看取り介護加算</t>
    <rPh sb="0" eb="2">
      <t>ミト</t>
    </rPh>
    <rPh sb="3" eb="5">
      <t>カイゴ</t>
    </rPh>
    <rPh sb="5" eb="7">
      <t>カサン</t>
    </rPh>
    <phoneticPr fontId="1"/>
  </si>
  <si>
    <t>認知症専門ケア加算</t>
    <rPh sb="0" eb="3">
      <t>ニンチショウ</t>
    </rPh>
    <rPh sb="3" eb="5">
      <t>センモン</t>
    </rPh>
    <rPh sb="7" eb="9">
      <t>カサン</t>
    </rPh>
    <phoneticPr fontId="1"/>
  </si>
  <si>
    <t>科学的介護推進体制加算</t>
    <rPh sb="0" eb="3">
      <t>カガクテキ</t>
    </rPh>
    <rPh sb="3" eb="5">
      <t>カイゴ</t>
    </rPh>
    <rPh sb="5" eb="7">
      <t>スイシン</t>
    </rPh>
    <rPh sb="7" eb="9">
      <t>タイセイ</t>
    </rPh>
    <rPh sb="9" eb="11">
      <t>カサン</t>
    </rPh>
    <phoneticPr fontId="1"/>
  </si>
  <si>
    <t>サービス提供体制強化加算</t>
    <rPh sb="4" eb="6">
      <t>テイキョウ</t>
    </rPh>
    <rPh sb="6" eb="8">
      <t>タイセイ</t>
    </rPh>
    <rPh sb="8" eb="10">
      <t>キョウカ</t>
    </rPh>
    <rPh sb="10" eb="12">
      <t>カサン</t>
    </rPh>
    <phoneticPr fontId="1"/>
  </si>
  <si>
    <r>
      <t>医療連携体制</t>
    </r>
    <r>
      <rPr>
        <sz val="11"/>
        <rFont val="ＭＳ Ｐゴシック"/>
        <family val="3"/>
        <charset val="128"/>
      </rPr>
      <t>加算</t>
    </r>
    <rPh sb="0" eb="2">
      <t>イリョウ</t>
    </rPh>
    <rPh sb="2" eb="4">
      <t>レンケイ</t>
    </rPh>
    <rPh sb="4" eb="6">
      <t>タイセイ</t>
    </rPh>
    <rPh sb="6" eb="8">
      <t>カサン</t>
    </rPh>
    <phoneticPr fontId="1"/>
  </si>
  <si>
    <t>-</t>
    <phoneticPr fontId="1"/>
  </si>
  <si>
    <t>認知症対応型共同生活介護
（短期利用の場合も同様）</t>
    <rPh sb="14" eb="16">
      <t>タンキ</t>
    </rPh>
    <rPh sb="16" eb="18">
      <t>リヨウ</t>
    </rPh>
    <rPh sb="19" eb="21">
      <t>バアイ</t>
    </rPh>
    <rPh sb="22" eb="24">
      <t>ドウヨウ</t>
    </rPh>
    <phoneticPr fontId="1"/>
  </si>
  <si>
    <t>・看取りに関する指針
・同意書等の様式</t>
    <rPh sb="1" eb="3">
      <t>ミト</t>
    </rPh>
    <rPh sb="5" eb="6">
      <t>カン</t>
    </rPh>
    <rPh sb="8" eb="10">
      <t>シシン</t>
    </rPh>
    <rPh sb="12" eb="14">
      <t>ドウイ</t>
    </rPh>
    <rPh sb="14" eb="15">
      <t>ショ</t>
    </rPh>
    <rPh sb="15" eb="16">
      <t>トウ</t>
    </rPh>
    <rPh sb="17" eb="19">
      <t>ヨウシキ</t>
    </rPh>
    <phoneticPr fontId="1"/>
  </si>
  <si>
    <t>ー</t>
    <phoneticPr fontId="1"/>
  </si>
  <si>
    <t>・平面図</t>
    <rPh sb="1" eb="4">
      <t>ヘイメンズ</t>
    </rPh>
    <phoneticPr fontId="1"/>
  </si>
  <si>
    <t>・従業者の勤務の体制及び勤務形態一覧表（別紙7）</t>
    <phoneticPr fontId="1"/>
  </si>
  <si>
    <t>・（宿直職員の場合）当該職員との雇用契約書等</t>
    <rPh sb="2" eb="4">
      <t>シュクチョク</t>
    </rPh>
    <rPh sb="4" eb="6">
      <t>ショクイン</t>
    </rPh>
    <rPh sb="7" eb="9">
      <t>バアイ</t>
    </rPh>
    <rPh sb="10" eb="12">
      <t>トウガイ</t>
    </rPh>
    <rPh sb="12" eb="14">
      <t>ショクイン</t>
    </rPh>
    <rPh sb="16" eb="18">
      <t>コヨウ</t>
    </rPh>
    <rPh sb="18" eb="21">
      <t>ケイヤクショ</t>
    </rPh>
    <rPh sb="21" eb="22">
      <t>トウ</t>
    </rPh>
    <phoneticPr fontId="1"/>
  </si>
  <si>
    <t>・認知症専門ケア加算体制チェック表</t>
    <phoneticPr fontId="1"/>
  </si>
  <si>
    <t>・従業者の資格等に係る整理一覧表</t>
    <phoneticPr fontId="1"/>
  </si>
  <si>
    <t>・（加算Ⅰの場合）認知症介護実践リーダー研修の修了証の写し
・（加算Ⅱの場合）①認知症介護実践リーダー研修の修了証の写し
　　　　　　　　　　　②認知症介護指導者研修の修了証の写し
　　　　　　　　　　　③介護職員、看護職員ごとの認知症ケアに関する研修計画</t>
    <phoneticPr fontId="1"/>
  </si>
  <si>
    <t>※必要に応じ適宜追加資料の提出を求める場合がありますのでご了承ください。</t>
  </si>
  <si>
    <t xml:space="preserve">・（資格要件）介護福祉士の資格を有する者の資格者証の写し
</t>
    <phoneticPr fontId="1"/>
  </si>
  <si>
    <t>・（勤続年数要件）経歴書（勤続年数がわかるもの）</t>
    <phoneticPr fontId="1"/>
  </si>
  <si>
    <t>高齢者虐待防止措置未実施減算</t>
    <phoneticPr fontId="1"/>
  </si>
  <si>
    <t>（減算が解消される場合のみ）改善計画に基づく改善状況報告書</t>
    <phoneticPr fontId="1"/>
  </si>
  <si>
    <t>業務継続計画未策定減算</t>
    <phoneticPr fontId="1"/>
  </si>
  <si>
    <t>認知症チームケア推進加算</t>
    <rPh sb="0" eb="3">
      <t>ニンチショウ</t>
    </rPh>
    <rPh sb="8" eb="12">
      <t>スイシンカサン</t>
    </rPh>
    <phoneticPr fontId="1"/>
  </si>
  <si>
    <t>・（別紙7）従業者の勤務の体制及び勤務形態一覧表</t>
    <phoneticPr fontId="1"/>
  </si>
  <si>
    <t>・（別紙46）夜間支援体制加算に係る届出書</t>
    <phoneticPr fontId="1"/>
  </si>
  <si>
    <t>・（別紙47）看取り介護加算に係る届出書</t>
    <phoneticPr fontId="1"/>
  </si>
  <si>
    <t>・（別紙12－2）認知症専門ケア加算に係る届出書</t>
    <phoneticPr fontId="1"/>
  </si>
  <si>
    <t>・（別紙40）認知症チームケア推進加算に係る届出書</t>
    <phoneticPr fontId="1"/>
  </si>
  <si>
    <t>・（別紙14－6）サービス提供体制強化加算に関する届出書</t>
    <phoneticPr fontId="1"/>
  </si>
  <si>
    <t>・サービス提供体制強化加算に係る計算シート（Ⅰ）～（Ⅲ）</t>
    <phoneticPr fontId="1"/>
  </si>
  <si>
    <t>・サービス提供体制強化加算割合算出表（Ⅰ）～（Ⅲ）</t>
    <rPh sb="13" eb="18">
      <t>ワリアイサンシュツヒョウ</t>
    </rPh>
    <phoneticPr fontId="1"/>
  </si>
  <si>
    <t>・（別紙7）従業者の勤務の体制及び勤務形態一覧表
　※前年度（3月を除く）11か月分及び算定開始月</t>
    <phoneticPr fontId="1"/>
  </si>
  <si>
    <t>高齢者施設等感染対策向上加算</t>
    <rPh sb="3" eb="6">
      <t>シセツトウ</t>
    </rPh>
    <rPh sb="6" eb="10">
      <t>カンセンタイサク</t>
    </rPh>
    <rPh sb="10" eb="12">
      <t>コウジョウ</t>
    </rPh>
    <rPh sb="12" eb="14">
      <t>カサン</t>
    </rPh>
    <phoneticPr fontId="1"/>
  </si>
  <si>
    <t>・（別紙35）高齢者施設等感染対策向上加算に係る届出書</t>
    <phoneticPr fontId="1"/>
  </si>
  <si>
    <t>生産性向上推進体制加算</t>
    <rPh sb="0" eb="5">
      <t>セイサンセイコウジョウ</t>
    </rPh>
    <rPh sb="5" eb="11">
      <t>スイシンタイセイカサン</t>
    </rPh>
    <phoneticPr fontId="1"/>
  </si>
  <si>
    <t>・（別紙28）生産性向上推進体制加算に係る届出書</t>
    <phoneticPr fontId="1"/>
  </si>
  <si>
    <r>
      <rPr>
        <b/>
        <sz val="11"/>
        <rFont val="ＭＳ Ｐゴシック"/>
        <family val="3"/>
        <charset val="128"/>
      </rPr>
      <t>【医療連携体制加算（ハ）】</t>
    </r>
    <r>
      <rPr>
        <sz val="11"/>
        <rFont val="ＭＳ Ｐゴシック"/>
        <family val="3"/>
        <charset val="128"/>
      </rPr>
      <t xml:space="preserve">
（1）看護師の資格証の写し
（2）看護師と２４時間連絡できる体制がわかるもの
（3）重度化した場合の対応に係る指針
・（看護師を雇用していない場合）上記（1）、（2）、（3）及び協力医療機関や訪問看護ステーションとの協定書もしくは契約書の写し
</t>
    </r>
    <r>
      <rPr>
        <b/>
        <sz val="11"/>
        <rFont val="ＭＳ Ｐゴシック"/>
        <family val="3"/>
        <charset val="128"/>
      </rPr>
      <t>【医療連携体制加算（ロ）】</t>
    </r>
    <r>
      <rPr>
        <sz val="11"/>
        <rFont val="ＭＳ Ｐゴシック"/>
        <family val="3"/>
        <charset val="128"/>
      </rPr>
      <t xml:space="preserve">
（1）看護職員の資格証の写し
（2）看護職員と２４時間連絡できる体制がわかるもの
※外部の看護師との連携により、２４時間連絡できる体制を確保する場合は、外部の看護師の資格者証の写し及び協力医療機関や訪問看護ステーションとの協定書もしくは契約書の写し
（3）重度化した場合の対応に係る指針
</t>
    </r>
    <r>
      <rPr>
        <b/>
        <sz val="11"/>
        <rFont val="ＭＳ Ｐゴシック"/>
        <family val="3"/>
        <charset val="128"/>
      </rPr>
      <t>【医療連携体制加算（イ）】</t>
    </r>
    <r>
      <rPr>
        <sz val="11"/>
        <rFont val="ＭＳ Ｐゴシック"/>
        <family val="3"/>
        <charset val="128"/>
      </rPr>
      <t xml:space="preserve">
（1）看護師の資格証の写し
（2）看護師と２４時間連絡できる体制がわかるもの
※外部の看護師との連携により、２４時間連絡できる体制を確保する場合は、外部の看護師の資格者証の写し及び協力医療機関や訪問看護ステーションとの協定書もしくは契約書の写し
（3）重度化した場合の対応に係る指針
</t>
    </r>
    <r>
      <rPr>
        <b/>
        <sz val="11"/>
        <rFont val="ＭＳ Ｐゴシック"/>
        <family val="3"/>
        <charset val="128"/>
      </rPr>
      <t>【医療連携体制加算（Ⅱ）】</t>
    </r>
    <r>
      <rPr>
        <sz val="11"/>
        <rFont val="ＭＳ Ｐゴシック"/>
        <family val="3"/>
        <charset val="128"/>
      </rPr>
      <t xml:space="preserve">
・（別紙48-2）医療連携体制加算（Ⅱ）に係る届出書</t>
    </r>
    <rPh sb="1" eb="3">
      <t>イリョウ</t>
    </rPh>
    <rPh sb="3" eb="5">
      <t>レンケイ</t>
    </rPh>
    <rPh sb="5" eb="7">
      <t>タイセイ</t>
    </rPh>
    <rPh sb="7" eb="9">
      <t>カサン</t>
    </rPh>
    <rPh sb="56" eb="58">
      <t>ジュウドカシ</t>
    </rPh>
    <rPh sb="58" eb="71">
      <t>タバアイノタイオウニカカルシシン</t>
    </rPh>
    <rPh sb="74" eb="77">
      <t>カンゴシ</t>
    </rPh>
    <rPh sb="78" eb="80">
      <t>コヨウ</t>
    </rPh>
    <rPh sb="85" eb="87">
      <t>バアイ</t>
    </rPh>
    <rPh sb="88" eb="90">
      <t>ジョウキ</t>
    </rPh>
    <rPh sb="101" eb="102">
      <t>オヨ</t>
    </rPh>
    <rPh sb="103" eb="105">
      <t>キョウリョク</t>
    </rPh>
    <rPh sb="105" eb="107">
      <t>イリョウ</t>
    </rPh>
    <rPh sb="107" eb="109">
      <t>キカン</t>
    </rPh>
    <rPh sb="110" eb="112">
      <t>ホウモン</t>
    </rPh>
    <rPh sb="112" eb="114">
      <t>カンゴ</t>
    </rPh>
    <rPh sb="122" eb="125">
      <t>キョウテイショ</t>
    </rPh>
    <rPh sb="129" eb="132">
      <t>ケイヤクショ</t>
    </rPh>
    <rPh sb="133" eb="134">
      <t>ウツ</t>
    </rPh>
    <rPh sb="138" eb="140">
      <t>イリョウ</t>
    </rPh>
    <rPh sb="140" eb="142">
      <t>レンケイ</t>
    </rPh>
    <rPh sb="142" eb="144">
      <t>タイセイ</t>
    </rPh>
    <rPh sb="144" eb="146">
      <t>カサン</t>
    </rPh>
    <rPh sb="156" eb="158">
      <t>ショクイン</t>
    </rPh>
    <rPh sb="171" eb="173">
      <t>ショクイン</t>
    </rPh>
    <rPh sb="297" eb="299">
      <t>イリョウ</t>
    </rPh>
    <rPh sb="299" eb="301">
      <t>レンケイ</t>
    </rPh>
    <rPh sb="301" eb="303">
      <t>タイセイ</t>
    </rPh>
    <rPh sb="303" eb="305">
      <t>カサン</t>
    </rPh>
    <rPh sb="313" eb="316">
      <t>カンゴシ</t>
    </rPh>
    <rPh sb="317" eb="319">
      <t>シカク</t>
    </rPh>
    <rPh sb="319" eb="320">
      <t>ショウ</t>
    </rPh>
    <rPh sb="321" eb="322">
      <t>ウツ</t>
    </rPh>
    <rPh sb="350" eb="352">
      <t>ガイブ</t>
    </rPh>
    <rPh sb="353" eb="356">
      <t>カンゴシ</t>
    </rPh>
    <rPh sb="358" eb="360">
      <t>レンケイ</t>
    </rPh>
    <rPh sb="366" eb="368">
      <t>ジカン</t>
    </rPh>
    <rPh sb="368" eb="370">
      <t>レンラク</t>
    </rPh>
    <rPh sb="373" eb="375">
      <t>タイセイ</t>
    </rPh>
    <rPh sb="376" eb="378">
      <t>カクホ</t>
    </rPh>
    <rPh sb="380" eb="382">
      <t>バアイ</t>
    </rPh>
    <rPh sb="384" eb="386">
      <t>ガイブ</t>
    </rPh>
    <rPh sb="398" eb="399">
      <t>オヨ</t>
    </rPh>
    <phoneticPr fontId="1"/>
  </si>
  <si>
    <r>
      <rPr>
        <b/>
        <sz val="11"/>
        <rFont val="ＭＳ Ｐゴシック"/>
        <family val="3"/>
        <charset val="128"/>
      </rPr>
      <t>【共通</t>
    </r>
    <r>
      <rPr>
        <sz val="11"/>
        <rFont val="ＭＳ Ｐゴシック"/>
        <family val="3"/>
        <charset val="128"/>
      </rPr>
      <t>】
・（別紙48）医療連携体制加算に係る届出書</t>
    </r>
    <rPh sb="1" eb="3">
      <t>キョウツ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name val="ＭＳ Ｐゴシック"/>
      <family val="3"/>
      <charset val="128"/>
    </font>
    <font>
      <sz val="6"/>
      <name val="ＭＳ Ｐゴシック"/>
      <family val="3"/>
      <charset val="128"/>
    </font>
    <font>
      <sz val="9"/>
      <name val="ＭＳ Ｐゴシック"/>
      <family val="3"/>
      <charset val="128"/>
    </font>
    <font>
      <b/>
      <sz val="11"/>
      <name val="ＭＳ Ｐゴシック"/>
      <family val="3"/>
      <charset val="128"/>
    </font>
    <font>
      <b/>
      <sz val="10"/>
      <color rgb="FFFF0000"/>
      <name val="ＭＳ Ｐゴシック"/>
      <family val="3"/>
      <charset val="128"/>
    </font>
    <font>
      <sz val="11"/>
      <color rgb="FFFF0000"/>
      <name val="ＭＳ Ｐゴシック"/>
      <family val="3"/>
      <charset val="128"/>
    </font>
    <font>
      <sz val="11"/>
      <name val="ＭＳ Ｐゴシック"/>
      <family val="3"/>
      <charset val="128"/>
    </font>
    <font>
      <u/>
      <sz val="11"/>
      <name val="ＭＳ Ｐゴシック"/>
      <family val="3"/>
      <charset val="128"/>
    </font>
    <font>
      <u/>
      <sz val="11"/>
      <color theme="10"/>
      <name val="ＭＳ Ｐゴシック"/>
      <family val="3"/>
      <charset val="128"/>
    </font>
    <font>
      <sz val="11"/>
      <color theme="1"/>
      <name val="游ゴシック"/>
      <family val="3"/>
      <charset val="128"/>
      <scheme val="minor"/>
    </font>
    <font>
      <b/>
      <sz val="16"/>
      <name val="ＭＳ Ｐゴシック"/>
      <family val="3"/>
      <charset val="128"/>
    </font>
  </fonts>
  <fills count="2">
    <fill>
      <patternFill patternType="none"/>
    </fill>
    <fill>
      <patternFill patternType="gray125"/>
    </fill>
  </fills>
  <borders count="10">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s>
  <cellStyleXfs count="13">
    <xf numFmtId="0" fontId="0" fillId="0" borderId="0">
      <alignment vertical="center"/>
    </xf>
    <xf numFmtId="0" fontId="6" fillId="0" borderId="0"/>
    <xf numFmtId="0" fontId="6" fillId="0" borderId="0"/>
    <xf numFmtId="0" fontId="8" fillId="0" borderId="0" applyNumberFormat="0" applyFill="0" applyBorder="0" applyAlignment="0" applyProtection="0">
      <alignment vertical="center"/>
    </xf>
    <xf numFmtId="0" fontId="6" fillId="0" borderId="0"/>
    <xf numFmtId="0" fontId="9" fillId="0" borderId="0">
      <alignment vertical="center"/>
    </xf>
    <xf numFmtId="0" fontId="6" fillId="0" borderId="0"/>
    <xf numFmtId="0" fontId="6" fillId="0" borderId="0"/>
    <xf numFmtId="0" fontId="6" fillId="0" borderId="0"/>
    <xf numFmtId="0" fontId="6" fillId="0" borderId="0"/>
    <xf numFmtId="0" fontId="6" fillId="0" borderId="0"/>
    <xf numFmtId="0" fontId="6" fillId="0" borderId="0"/>
    <xf numFmtId="0" fontId="6" fillId="0" borderId="0"/>
  </cellStyleXfs>
  <cellXfs count="36">
    <xf numFmtId="0" fontId="0" fillId="0" borderId="0" xfId="0">
      <alignment vertical="center"/>
    </xf>
    <xf numFmtId="0" fontId="2" fillId="0" borderId="0" xfId="0" applyFont="1" applyFill="1">
      <alignment vertical="center"/>
    </xf>
    <xf numFmtId="0" fontId="4" fillId="0" borderId="0" xfId="0" applyFont="1" applyFill="1">
      <alignment vertical="center"/>
    </xf>
    <xf numFmtId="0" fontId="4" fillId="0" borderId="0" xfId="0" applyFont="1" applyFill="1" applyBorder="1">
      <alignment vertical="center"/>
    </xf>
    <xf numFmtId="0" fontId="0" fillId="0" borderId="0" xfId="0" applyFont="1" applyFill="1" applyBorder="1" applyAlignment="1">
      <alignment vertical="center"/>
    </xf>
    <xf numFmtId="0" fontId="0" fillId="0" borderId="2" xfId="0" applyFont="1" applyFill="1" applyBorder="1" applyAlignment="1">
      <alignment horizontal="center" vertical="center"/>
    </xf>
    <xf numFmtId="0" fontId="0" fillId="0" borderId="1" xfId="0" applyFont="1" applyFill="1" applyBorder="1" applyAlignment="1">
      <alignment horizontal="left" vertical="center"/>
    </xf>
    <xf numFmtId="0" fontId="0" fillId="0" borderId="7" xfId="0" applyFont="1" applyFill="1" applyBorder="1" applyAlignment="1">
      <alignment horizontal="left" vertical="center" wrapText="1"/>
    </xf>
    <xf numFmtId="0" fontId="0" fillId="0" borderId="1" xfId="0" applyFont="1" applyFill="1" applyBorder="1" applyAlignment="1">
      <alignment horizontal="left" vertical="center" wrapText="1"/>
    </xf>
    <xf numFmtId="0" fontId="0" fillId="0" borderId="1" xfId="0" applyFont="1" applyFill="1" applyBorder="1" applyAlignment="1">
      <alignment vertical="center"/>
    </xf>
    <xf numFmtId="0" fontId="0" fillId="0" borderId="7" xfId="0" applyFont="1" applyFill="1" applyBorder="1" applyAlignment="1">
      <alignment vertical="center" wrapText="1"/>
    </xf>
    <xf numFmtId="0" fontId="0" fillId="0" borderId="5" xfId="0" applyFont="1" applyFill="1" applyBorder="1" applyAlignment="1">
      <alignment horizontal="center" vertical="center"/>
    </xf>
    <xf numFmtId="0" fontId="0" fillId="0" borderId="0" xfId="0" applyFont="1" applyFill="1" applyBorder="1" applyAlignment="1">
      <alignment vertical="center"/>
    </xf>
    <xf numFmtId="0" fontId="7" fillId="0" borderId="0" xfId="0" applyFont="1" applyFill="1" applyBorder="1" applyAlignment="1">
      <alignment vertical="center"/>
    </xf>
    <xf numFmtId="0" fontId="5" fillId="0" borderId="6" xfId="3" applyFont="1" applyFill="1" applyBorder="1" applyAlignment="1">
      <alignment horizontal="left" vertical="center" wrapText="1"/>
    </xf>
    <xf numFmtId="0" fontId="0" fillId="0" borderId="3" xfId="0" applyFont="1" applyFill="1" applyBorder="1" applyAlignment="1">
      <alignment horizontal="left" vertical="center"/>
    </xf>
    <xf numFmtId="0" fontId="0" fillId="0" borderId="3" xfId="0" applyFont="1" applyFill="1" applyBorder="1">
      <alignment vertical="center"/>
    </xf>
    <xf numFmtId="0" fontId="0" fillId="0" borderId="6" xfId="0" applyFont="1" applyFill="1" applyBorder="1" applyAlignment="1">
      <alignment vertical="center" wrapText="1"/>
    </xf>
    <xf numFmtId="0" fontId="0" fillId="0" borderId="6" xfId="0" applyFont="1" applyFill="1" applyBorder="1" applyAlignment="1">
      <alignment horizontal="center" vertical="center" wrapText="1"/>
    </xf>
    <xf numFmtId="0" fontId="0" fillId="0" borderId="5" xfId="0" applyFont="1" applyFill="1" applyBorder="1" applyAlignment="1">
      <alignment vertical="center" wrapText="1"/>
    </xf>
    <xf numFmtId="0" fontId="0" fillId="0" borderId="6"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5" xfId="0" applyBorder="1">
      <alignment vertical="center"/>
    </xf>
    <xf numFmtId="0" fontId="0" fillId="0" borderId="6" xfId="0" applyBorder="1">
      <alignment vertical="center"/>
    </xf>
    <xf numFmtId="0" fontId="0" fillId="0" borderId="6" xfId="0" applyBorder="1" applyAlignment="1">
      <alignment vertical="center" wrapText="1"/>
    </xf>
    <xf numFmtId="0" fontId="0" fillId="0" borderId="5" xfId="0" applyBorder="1" applyAlignment="1">
      <alignment vertical="center" wrapText="1"/>
    </xf>
    <xf numFmtId="0" fontId="0" fillId="0" borderId="5" xfId="0" applyFont="1" applyFill="1" applyBorder="1" applyAlignment="1">
      <alignment horizontal="left" vertical="center"/>
    </xf>
    <xf numFmtId="0" fontId="0" fillId="0" borderId="6" xfId="0" applyFont="1" applyFill="1" applyBorder="1" applyAlignment="1">
      <alignment horizontal="left" vertical="center"/>
    </xf>
    <xf numFmtId="0" fontId="0" fillId="0" borderId="7" xfId="0" applyFont="1" applyFill="1" applyBorder="1" applyAlignment="1">
      <alignment horizontal="left" vertical="center"/>
    </xf>
    <xf numFmtId="0" fontId="10" fillId="0" borderId="0" xfId="0" applyFont="1" applyFill="1" applyBorder="1" applyAlignment="1">
      <alignment vertical="center"/>
    </xf>
    <xf numFmtId="0" fontId="0" fillId="0" borderId="3" xfId="0" applyFont="1" applyFill="1" applyBorder="1" applyAlignment="1">
      <alignment horizontal="left" vertical="center"/>
    </xf>
    <xf numFmtId="0" fontId="0" fillId="0" borderId="8" xfId="0" applyFont="1" applyFill="1" applyBorder="1" applyAlignment="1">
      <alignment horizontal="left" vertical="center"/>
    </xf>
    <xf numFmtId="0" fontId="0" fillId="0" borderId="4" xfId="0" applyFont="1" applyFill="1" applyBorder="1" applyAlignment="1">
      <alignment horizontal="left" vertical="center"/>
    </xf>
    <xf numFmtId="0" fontId="0" fillId="0" borderId="9" xfId="0" applyFont="1" applyFill="1" applyBorder="1" applyAlignment="1">
      <alignment horizontal="left" vertical="center"/>
    </xf>
    <xf numFmtId="0" fontId="0" fillId="0" borderId="5" xfId="0" applyFont="1" applyFill="1" applyBorder="1" applyAlignment="1">
      <alignment horizontal="center" vertical="center" wrapText="1"/>
    </xf>
    <xf numFmtId="0" fontId="0" fillId="0" borderId="6" xfId="0" applyFont="1" applyFill="1" applyBorder="1" applyAlignment="1">
      <alignment horizontal="center" vertical="center" wrapText="1"/>
    </xf>
  </cellXfs>
  <cellStyles count="13">
    <cellStyle name="ハイパーリンク" xfId="3" builtinId="8"/>
    <cellStyle name="標準" xfId="0" builtinId="0"/>
    <cellStyle name="標準 10" xfId="10"/>
    <cellStyle name="標準 11" xfId="11"/>
    <cellStyle name="標準 12" xfId="12"/>
    <cellStyle name="標準 2" xfId="1"/>
    <cellStyle name="標準 3" xfId="2"/>
    <cellStyle name="標準 4" xfId="4"/>
    <cellStyle name="標準 5" xfId="5"/>
    <cellStyle name="標準 6" xfId="6"/>
    <cellStyle name="標準 7" xfId="7"/>
    <cellStyle name="標準 8" xfId="8"/>
    <cellStyle name="標準 9" xfId="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39"/>
  <sheetViews>
    <sheetView showGridLines="0" tabSelected="1" view="pageBreakPreview" zoomScale="70" zoomScaleNormal="70" zoomScaleSheetLayoutView="70" workbookViewId="0">
      <selection activeCell="C15" sqref="C15"/>
    </sheetView>
  </sheetViews>
  <sheetFormatPr defaultRowHeight="10.8" x14ac:dyDescent="0.2"/>
  <cols>
    <col min="1" max="1" width="20" style="1" customWidth="1"/>
    <col min="2" max="2" width="44.44140625" style="1" customWidth="1"/>
    <col min="3" max="3" width="88.77734375" style="1" customWidth="1"/>
    <col min="4" max="234" width="9" style="1"/>
    <col min="235" max="235" width="20" style="1" customWidth="1"/>
    <col min="236" max="236" width="44.44140625" style="1" customWidth="1"/>
    <col min="237" max="258" width="3.77734375" style="1" customWidth="1"/>
    <col min="259" max="490" width="9" style="1"/>
    <col min="491" max="491" width="20" style="1" customWidth="1"/>
    <col min="492" max="492" width="44.44140625" style="1" customWidth="1"/>
    <col min="493" max="514" width="3.77734375" style="1" customWidth="1"/>
    <col min="515" max="746" width="9" style="1"/>
    <col min="747" max="747" width="20" style="1" customWidth="1"/>
    <col min="748" max="748" width="44.44140625" style="1" customWidth="1"/>
    <col min="749" max="770" width="3.77734375" style="1" customWidth="1"/>
    <col min="771" max="1002" width="9" style="1"/>
    <col min="1003" max="1003" width="20" style="1" customWidth="1"/>
    <col min="1004" max="1004" width="44.44140625" style="1" customWidth="1"/>
    <col min="1005" max="1026" width="3.77734375" style="1" customWidth="1"/>
    <col min="1027" max="1258" width="9" style="1"/>
    <col min="1259" max="1259" width="20" style="1" customWidth="1"/>
    <col min="1260" max="1260" width="44.44140625" style="1" customWidth="1"/>
    <col min="1261" max="1282" width="3.77734375" style="1" customWidth="1"/>
    <col min="1283" max="1514" width="9" style="1"/>
    <col min="1515" max="1515" width="20" style="1" customWidth="1"/>
    <col min="1516" max="1516" width="44.44140625" style="1" customWidth="1"/>
    <col min="1517" max="1538" width="3.77734375" style="1" customWidth="1"/>
    <col min="1539" max="1770" width="9" style="1"/>
    <col min="1771" max="1771" width="20" style="1" customWidth="1"/>
    <col min="1772" max="1772" width="44.44140625" style="1" customWidth="1"/>
    <col min="1773" max="1794" width="3.77734375" style="1" customWidth="1"/>
    <col min="1795" max="2026" width="9" style="1"/>
    <col min="2027" max="2027" width="20" style="1" customWidth="1"/>
    <col min="2028" max="2028" width="44.44140625" style="1" customWidth="1"/>
    <col min="2029" max="2050" width="3.77734375" style="1" customWidth="1"/>
    <col min="2051" max="2282" width="9" style="1"/>
    <col min="2283" max="2283" width="20" style="1" customWidth="1"/>
    <col min="2284" max="2284" width="44.44140625" style="1" customWidth="1"/>
    <col min="2285" max="2306" width="3.77734375" style="1" customWidth="1"/>
    <col min="2307" max="2538" width="9" style="1"/>
    <col min="2539" max="2539" width="20" style="1" customWidth="1"/>
    <col min="2540" max="2540" width="44.44140625" style="1" customWidth="1"/>
    <col min="2541" max="2562" width="3.77734375" style="1" customWidth="1"/>
    <col min="2563" max="2794" width="9" style="1"/>
    <col min="2795" max="2795" width="20" style="1" customWidth="1"/>
    <col min="2796" max="2796" width="44.44140625" style="1" customWidth="1"/>
    <col min="2797" max="2818" width="3.77734375" style="1" customWidth="1"/>
    <col min="2819" max="3050" width="9" style="1"/>
    <col min="3051" max="3051" width="20" style="1" customWidth="1"/>
    <col min="3052" max="3052" width="44.44140625" style="1" customWidth="1"/>
    <col min="3053" max="3074" width="3.77734375" style="1" customWidth="1"/>
    <col min="3075" max="3306" width="9" style="1"/>
    <col min="3307" max="3307" width="20" style="1" customWidth="1"/>
    <col min="3308" max="3308" width="44.44140625" style="1" customWidth="1"/>
    <col min="3309" max="3330" width="3.77734375" style="1" customWidth="1"/>
    <col min="3331" max="3562" width="9" style="1"/>
    <col min="3563" max="3563" width="20" style="1" customWidth="1"/>
    <col min="3564" max="3564" width="44.44140625" style="1" customWidth="1"/>
    <col min="3565" max="3586" width="3.77734375" style="1" customWidth="1"/>
    <col min="3587" max="3818" width="9" style="1"/>
    <col min="3819" max="3819" width="20" style="1" customWidth="1"/>
    <col min="3820" max="3820" width="44.44140625" style="1" customWidth="1"/>
    <col min="3821" max="3842" width="3.77734375" style="1" customWidth="1"/>
    <col min="3843" max="4074" width="9" style="1"/>
    <col min="4075" max="4075" width="20" style="1" customWidth="1"/>
    <col min="4076" max="4076" width="44.44140625" style="1" customWidth="1"/>
    <col min="4077" max="4098" width="3.77734375" style="1" customWidth="1"/>
    <col min="4099" max="4330" width="9" style="1"/>
    <col min="4331" max="4331" width="20" style="1" customWidth="1"/>
    <col min="4332" max="4332" width="44.44140625" style="1" customWidth="1"/>
    <col min="4333" max="4354" width="3.77734375" style="1" customWidth="1"/>
    <col min="4355" max="4586" width="9" style="1"/>
    <col min="4587" max="4587" width="20" style="1" customWidth="1"/>
    <col min="4588" max="4588" width="44.44140625" style="1" customWidth="1"/>
    <col min="4589" max="4610" width="3.77734375" style="1" customWidth="1"/>
    <col min="4611" max="4842" width="9" style="1"/>
    <col min="4843" max="4843" width="20" style="1" customWidth="1"/>
    <col min="4844" max="4844" width="44.44140625" style="1" customWidth="1"/>
    <col min="4845" max="4866" width="3.77734375" style="1" customWidth="1"/>
    <col min="4867" max="5098" width="9" style="1"/>
    <col min="5099" max="5099" width="20" style="1" customWidth="1"/>
    <col min="5100" max="5100" width="44.44140625" style="1" customWidth="1"/>
    <col min="5101" max="5122" width="3.77734375" style="1" customWidth="1"/>
    <col min="5123" max="5354" width="9" style="1"/>
    <col min="5355" max="5355" width="20" style="1" customWidth="1"/>
    <col min="5356" max="5356" width="44.44140625" style="1" customWidth="1"/>
    <col min="5357" max="5378" width="3.77734375" style="1" customWidth="1"/>
    <col min="5379" max="5610" width="9" style="1"/>
    <col min="5611" max="5611" width="20" style="1" customWidth="1"/>
    <col min="5612" max="5612" width="44.44140625" style="1" customWidth="1"/>
    <col min="5613" max="5634" width="3.77734375" style="1" customWidth="1"/>
    <col min="5635" max="5866" width="9" style="1"/>
    <col min="5867" max="5867" width="20" style="1" customWidth="1"/>
    <col min="5868" max="5868" width="44.44140625" style="1" customWidth="1"/>
    <col min="5869" max="5890" width="3.77734375" style="1" customWidth="1"/>
    <col min="5891" max="6122" width="9" style="1"/>
    <col min="6123" max="6123" width="20" style="1" customWidth="1"/>
    <col min="6124" max="6124" width="44.44140625" style="1" customWidth="1"/>
    <col min="6125" max="6146" width="3.77734375" style="1" customWidth="1"/>
    <col min="6147" max="6378" width="9" style="1"/>
    <col min="6379" max="6379" width="20" style="1" customWidth="1"/>
    <col min="6380" max="6380" width="44.44140625" style="1" customWidth="1"/>
    <col min="6381" max="6402" width="3.77734375" style="1" customWidth="1"/>
    <col min="6403" max="6634" width="9" style="1"/>
    <col min="6635" max="6635" width="20" style="1" customWidth="1"/>
    <col min="6636" max="6636" width="44.44140625" style="1" customWidth="1"/>
    <col min="6637" max="6658" width="3.77734375" style="1" customWidth="1"/>
    <col min="6659" max="6890" width="9" style="1"/>
    <col min="6891" max="6891" width="20" style="1" customWidth="1"/>
    <col min="6892" max="6892" width="44.44140625" style="1" customWidth="1"/>
    <col min="6893" max="6914" width="3.77734375" style="1" customWidth="1"/>
    <col min="6915" max="7146" width="9" style="1"/>
    <col min="7147" max="7147" width="20" style="1" customWidth="1"/>
    <col min="7148" max="7148" width="44.44140625" style="1" customWidth="1"/>
    <col min="7149" max="7170" width="3.77734375" style="1" customWidth="1"/>
    <col min="7171" max="7402" width="9" style="1"/>
    <col min="7403" max="7403" width="20" style="1" customWidth="1"/>
    <col min="7404" max="7404" width="44.44140625" style="1" customWidth="1"/>
    <col min="7405" max="7426" width="3.77734375" style="1" customWidth="1"/>
    <col min="7427" max="7658" width="9" style="1"/>
    <col min="7659" max="7659" width="20" style="1" customWidth="1"/>
    <col min="7660" max="7660" width="44.44140625" style="1" customWidth="1"/>
    <col min="7661" max="7682" width="3.77734375" style="1" customWidth="1"/>
    <col min="7683" max="7914" width="9" style="1"/>
    <col min="7915" max="7915" width="20" style="1" customWidth="1"/>
    <col min="7916" max="7916" width="44.44140625" style="1" customWidth="1"/>
    <col min="7917" max="7938" width="3.77734375" style="1" customWidth="1"/>
    <col min="7939" max="8170" width="9" style="1"/>
    <col min="8171" max="8171" width="20" style="1" customWidth="1"/>
    <col min="8172" max="8172" width="44.44140625" style="1" customWidth="1"/>
    <col min="8173" max="8194" width="3.77734375" style="1" customWidth="1"/>
    <col min="8195" max="8426" width="9" style="1"/>
    <col min="8427" max="8427" width="20" style="1" customWidth="1"/>
    <col min="8428" max="8428" width="44.44140625" style="1" customWidth="1"/>
    <col min="8429" max="8450" width="3.77734375" style="1" customWidth="1"/>
    <col min="8451" max="8682" width="9" style="1"/>
    <col min="8683" max="8683" width="20" style="1" customWidth="1"/>
    <col min="8684" max="8684" width="44.44140625" style="1" customWidth="1"/>
    <col min="8685" max="8706" width="3.77734375" style="1" customWidth="1"/>
    <col min="8707" max="8938" width="9" style="1"/>
    <col min="8939" max="8939" width="20" style="1" customWidth="1"/>
    <col min="8940" max="8940" width="44.44140625" style="1" customWidth="1"/>
    <col min="8941" max="8962" width="3.77734375" style="1" customWidth="1"/>
    <col min="8963" max="9194" width="9" style="1"/>
    <col min="9195" max="9195" width="20" style="1" customWidth="1"/>
    <col min="9196" max="9196" width="44.44140625" style="1" customWidth="1"/>
    <col min="9197" max="9218" width="3.77734375" style="1" customWidth="1"/>
    <col min="9219" max="9450" width="9" style="1"/>
    <col min="9451" max="9451" width="20" style="1" customWidth="1"/>
    <col min="9452" max="9452" width="44.44140625" style="1" customWidth="1"/>
    <col min="9453" max="9474" width="3.77734375" style="1" customWidth="1"/>
    <col min="9475" max="9706" width="9" style="1"/>
    <col min="9707" max="9707" width="20" style="1" customWidth="1"/>
    <col min="9708" max="9708" width="44.44140625" style="1" customWidth="1"/>
    <col min="9709" max="9730" width="3.77734375" style="1" customWidth="1"/>
    <col min="9731" max="9962" width="9" style="1"/>
    <col min="9963" max="9963" width="20" style="1" customWidth="1"/>
    <col min="9964" max="9964" width="44.44140625" style="1" customWidth="1"/>
    <col min="9965" max="9986" width="3.77734375" style="1" customWidth="1"/>
    <col min="9987" max="10218" width="9" style="1"/>
    <col min="10219" max="10219" width="20" style="1" customWidth="1"/>
    <col min="10220" max="10220" width="44.44140625" style="1" customWidth="1"/>
    <col min="10221" max="10242" width="3.77734375" style="1" customWidth="1"/>
    <col min="10243" max="10474" width="9" style="1"/>
    <col min="10475" max="10475" width="20" style="1" customWidth="1"/>
    <col min="10476" max="10476" width="44.44140625" style="1" customWidth="1"/>
    <col min="10477" max="10498" width="3.77734375" style="1" customWidth="1"/>
    <col min="10499" max="10730" width="9" style="1"/>
    <col min="10731" max="10731" width="20" style="1" customWidth="1"/>
    <col min="10732" max="10732" width="44.44140625" style="1" customWidth="1"/>
    <col min="10733" max="10754" width="3.77734375" style="1" customWidth="1"/>
    <col min="10755" max="10986" width="9" style="1"/>
    <col min="10987" max="10987" width="20" style="1" customWidth="1"/>
    <col min="10988" max="10988" width="44.44140625" style="1" customWidth="1"/>
    <col min="10989" max="11010" width="3.77734375" style="1" customWidth="1"/>
    <col min="11011" max="11242" width="9" style="1"/>
    <col min="11243" max="11243" width="20" style="1" customWidth="1"/>
    <col min="11244" max="11244" width="44.44140625" style="1" customWidth="1"/>
    <col min="11245" max="11266" width="3.77734375" style="1" customWidth="1"/>
    <col min="11267" max="11498" width="9" style="1"/>
    <col min="11499" max="11499" width="20" style="1" customWidth="1"/>
    <col min="11500" max="11500" width="44.44140625" style="1" customWidth="1"/>
    <col min="11501" max="11522" width="3.77734375" style="1" customWidth="1"/>
    <col min="11523" max="11754" width="9" style="1"/>
    <col min="11755" max="11755" width="20" style="1" customWidth="1"/>
    <col min="11756" max="11756" width="44.44140625" style="1" customWidth="1"/>
    <col min="11757" max="11778" width="3.77734375" style="1" customWidth="1"/>
    <col min="11779" max="12010" width="9" style="1"/>
    <col min="12011" max="12011" width="20" style="1" customWidth="1"/>
    <col min="12012" max="12012" width="44.44140625" style="1" customWidth="1"/>
    <col min="12013" max="12034" width="3.77734375" style="1" customWidth="1"/>
    <col min="12035" max="12266" width="9" style="1"/>
    <col min="12267" max="12267" width="20" style="1" customWidth="1"/>
    <col min="12268" max="12268" width="44.44140625" style="1" customWidth="1"/>
    <col min="12269" max="12290" width="3.77734375" style="1" customWidth="1"/>
    <col min="12291" max="12522" width="9" style="1"/>
    <col min="12523" max="12523" width="20" style="1" customWidth="1"/>
    <col min="12524" max="12524" width="44.44140625" style="1" customWidth="1"/>
    <col min="12525" max="12546" width="3.77734375" style="1" customWidth="1"/>
    <col min="12547" max="12778" width="9" style="1"/>
    <col min="12779" max="12779" width="20" style="1" customWidth="1"/>
    <col min="12780" max="12780" width="44.44140625" style="1" customWidth="1"/>
    <col min="12781" max="12802" width="3.77734375" style="1" customWidth="1"/>
    <col min="12803" max="13034" width="9" style="1"/>
    <col min="13035" max="13035" width="20" style="1" customWidth="1"/>
    <col min="13036" max="13036" width="44.44140625" style="1" customWidth="1"/>
    <col min="13037" max="13058" width="3.77734375" style="1" customWidth="1"/>
    <col min="13059" max="13290" width="9" style="1"/>
    <col min="13291" max="13291" width="20" style="1" customWidth="1"/>
    <col min="13292" max="13292" width="44.44140625" style="1" customWidth="1"/>
    <col min="13293" max="13314" width="3.77734375" style="1" customWidth="1"/>
    <col min="13315" max="13546" width="9" style="1"/>
    <col min="13547" max="13547" width="20" style="1" customWidth="1"/>
    <col min="13548" max="13548" width="44.44140625" style="1" customWidth="1"/>
    <col min="13549" max="13570" width="3.77734375" style="1" customWidth="1"/>
    <col min="13571" max="13802" width="9" style="1"/>
    <col min="13803" max="13803" width="20" style="1" customWidth="1"/>
    <col min="13804" max="13804" width="44.44140625" style="1" customWidth="1"/>
    <col min="13805" max="13826" width="3.77734375" style="1" customWidth="1"/>
    <col min="13827" max="14058" width="9" style="1"/>
    <col min="14059" max="14059" width="20" style="1" customWidth="1"/>
    <col min="14060" max="14060" width="44.44140625" style="1" customWidth="1"/>
    <col min="14061" max="14082" width="3.77734375" style="1" customWidth="1"/>
    <col min="14083" max="14314" width="9" style="1"/>
    <col min="14315" max="14315" width="20" style="1" customWidth="1"/>
    <col min="14316" max="14316" width="44.44140625" style="1" customWidth="1"/>
    <col min="14317" max="14338" width="3.77734375" style="1" customWidth="1"/>
    <col min="14339" max="14570" width="9" style="1"/>
    <col min="14571" max="14571" width="20" style="1" customWidth="1"/>
    <col min="14572" max="14572" width="44.44140625" style="1" customWidth="1"/>
    <col min="14573" max="14594" width="3.77734375" style="1" customWidth="1"/>
    <col min="14595" max="14826" width="9" style="1"/>
    <col min="14827" max="14827" width="20" style="1" customWidth="1"/>
    <col min="14828" max="14828" width="44.44140625" style="1" customWidth="1"/>
    <col min="14829" max="14850" width="3.77734375" style="1" customWidth="1"/>
    <col min="14851" max="15082" width="9" style="1"/>
    <col min="15083" max="15083" width="20" style="1" customWidth="1"/>
    <col min="15084" max="15084" width="44.44140625" style="1" customWidth="1"/>
    <col min="15085" max="15106" width="3.77734375" style="1" customWidth="1"/>
    <col min="15107" max="15338" width="9" style="1"/>
    <col min="15339" max="15339" width="20" style="1" customWidth="1"/>
    <col min="15340" max="15340" width="44.44140625" style="1" customWidth="1"/>
    <col min="15341" max="15362" width="3.77734375" style="1" customWidth="1"/>
    <col min="15363" max="15594" width="9" style="1"/>
    <col min="15595" max="15595" width="20" style="1" customWidth="1"/>
    <col min="15596" max="15596" width="44.44140625" style="1" customWidth="1"/>
    <col min="15597" max="15618" width="3.77734375" style="1" customWidth="1"/>
    <col min="15619" max="15850" width="9" style="1"/>
    <col min="15851" max="15851" width="20" style="1" customWidth="1"/>
    <col min="15852" max="15852" width="44.44140625" style="1" customWidth="1"/>
    <col min="15853" max="15874" width="3.77734375" style="1" customWidth="1"/>
    <col min="15875" max="16106" width="9" style="1"/>
    <col min="16107" max="16107" width="20" style="1" customWidth="1"/>
    <col min="16108" max="16108" width="44.44140625" style="1" customWidth="1"/>
    <col min="16109" max="16130" width="3.77734375" style="1" customWidth="1"/>
    <col min="16131" max="16384" width="9" style="1"/>
  </cols>
  <sheetData>
    <row r="1" spans="1:3" ht="21.75" customHeight="1" x14ac:dyDescent="0.2">
      <c r="A1" s="29" t="s">
        <v>0</v>
      </c>
      <c r="B1" s="29"/>
      <c r="C1" s="4"/>
    </row>
    <row r="2" spans="1:3" ht="21.75" customHeight="1" x14ac:dyDescent="0.2">
      <c r="A2" s="13" t="s">
        <v>28</v>
      </c>
      <c r="B2" s="12"/>
      <c r="C2" s="12"/>
    </row>
    <row r="3" spans="1:3" ht="18.75" customHeight="1" x14ac:dyDescent="0.2">
      <c r="A3" s="11" t="s">
        <v>1</v>
      </c>
      <c r="B3" s="5" t="s">
        <v>2</v>
      </c>
      <c r="C3" s="11" t="s">
        <v>3</v>
      </c>
    </row>
    <row r="4" spans="1:3" ht="33" customHeight="1" x14ac:dyDescent="0.2">
      <c r="A4" s="34" t="s">
        <v>19</v>
      </c>
      <c r="B4" s="15" t="s">
        <v>4</v>
      </c>
      <c r="C4" s="6" t="s">
        <v>18</v>
      </c>
    </row>
    <row r="5" spans="1:3" ht="33" customHeight="1" x14ac:dyDescent="0.2">
      <c r="A5" s="35"/>
      <c r="B5" s="16" t="s">
        <v>5</v>
      </c>
      <c r="C5" s="6" t="s">
        <v>18</v>
      </c>
    </row>
    <row r="6" spans="1:3" ht="33" customHeight="1" x14ac:dyDescent="0.2">
      <c r="A6" s="35"/>
      <c r="B6" s="16" t="s">
        <v>6</v>
      </c>
      <c r="C6" s="8" t="s">
        <v>18</v>
      </c>
    </row>
    <row r="7" spans="1:3" ht="33" customHeight="1" x14ac:dyDescent="0.2">
      <c r="A7" s="35"/>
      <c r="B7" s="30" t="s">
        <v>7</v>
      </c>
      <c r="C7" s="23" t="s">
        <v>35</v>
      </c>
    </row>
    <row r="8" spans="1:3" ht="33" customHeight="1" x14ac:dyDescent="0.2">
      <c r="A8" s="35"/>
      <c r="B8" s="30"/>
      <c r="C8" s="10" t="s">
        <v>22</v>
      </c>
    </row>
    <row r="9" spans="1:3" ht="33" customHeight="1" x14ac:dyDescent="0.2">
      <c r="A9" s="35"/>
      <c r="B9" s="16" t="s">
        <v>8</v>
      </c>
      <c r="C9" s="19" t="s">
        <v>9</v>
      </c>
    </row>
    <row r="10" spans="1:3" ht="33" customHeight="1" x14ac:dyDescent="0.2">
      <c r="A10" s="35"/>
      <c r="B10" s="16" t="s">
        <v>31</v>
      </c>
      <c r="C10" s="19" t="s">
        <v>32</v>
      </c>
    </row>
    <row r="11" spans="1:3" ht="33" customHeight="1" x14ac:dyDescent="0.2">
      <c r="A11" s="35"/>
      <c r="B11" s="16" t="s">
        <v>33</v>
      </c>
      <c r="C11" s="8" t="s">
        <v>18</v>
      </c>
    </row>
    <row r="12" spans="1:3" ht="33" customHeight="1" x14ac:dyDescent="0.2">
      <c r="A12" s="35"/>
      <c r="B12" s="31" t="s">
        <v>10</v>
      </c>
      <c r="C12" s="22" t="s">
        <v>36</v>
      </c>
    </row>
    <row r="13" spans="1:3" ht="33" customHeight="1" x14ac:dyDescent="0.2">
      <c r="A13" s="35"/>
      <c r="B13" s="32"/>
      <c r="C13" s="23" t="s">
        <v>35</v>
      </c>
    </row>
    <row r="14" spans="1:3" ht="33" customHeight="1" x14ac:dyDescent="0.2">
      <c r="A14" s="35"/>
      <c r="B14" s="33"/>
      <c r="C14" s="7" t="s">
        <v>24</v>
      </c>
    </row>
    <row r="15" spans="1:3" ht="33" customHeight="1" x14ac:dyDescent="0.2">
      <c r="A15" s="35"/>
      <c r="B15" s="16" t="s">
        <v>11</v>
      </c>
      <c r="C15" s="9" t="s">
        <v>18</v>
      </c>
    </row>
    <row r="16" spans="1:3" ht="33" customHeight="1" x14ac:dyDescent="0.2">
      <c r="A16" s="35"/>
      <c r="B16" s="16" t="s">
        <v>12</v>
      </c>
      <c r="C16" s="9" t="s">
        <v>18</v>
      </c>
    </row>
    <row r="17" spans="1:3" ht="33" customHeight="1" x14ac:dyDescent="0.2">
      <c r="A17" s="35"/>
      <c r="B17" s="31" t="s">
        <v>13</v>
      </c>
      <c r="C17" s="22" t="s">
        <v>37</v>
      </c>
    </row>
    <row r="18" spans="1:3" ht="32.25" customHeight="1" x14ac:dyDescent="0.2">
      <c r="A18" s="35"/>
      <c r="B18" s="33"/>
      <c r="C18" s="17" t="s">
        <v>20</v>
      </c>
    </row>
    <row r="19" spans="1:3" ht="32.25" customHeight="1" x14ac:dyDescent="0.2">
      <c r="A19" s="18"/>
      <c r="B19" s="31" t="s">
        <v>17</v>
      </c>
      <c r="C19" s="25" t="s">
        <v>49</v>
      </c>
    </row>
    <row r="20" spans="1:3" ht="32.25" customHeight="1" x14ac:dyDescent="0.2">
      <c r="A20" s="17"/>
      <c r="B20" s="32"/>
      <c r="C20" s="23" t="s">
        <v>35</v>
      </c>
    </row>
    <row r="21" spans="1:3" ht="409.6" customHeight="1" x14ac:dyDescent="0.2">
      <c r="A21" s="17"/>
      <c r="B21" s="33"/>
      <c r="C21" s="20" t="s">
        <v>48</v>
      </c>
    </row>
    <row r="22" spans="1:3" ht="33" customHeight="1" x14ac:dyDescent="0.2">
      <c r="A22" s="17"/>
      <c r="B22" s="31" t="s">
        <v>14</v>
      </c>
      <c r="C22" s="21" t="s">
        <v>38</v>
      </c>
    </row>
    <row r="23" spans="1:3" ht="32.25" customHeight="1" x14ac:dyDescent="0.2">
      <c r="A23" s="17"/>
      <c r="B23" s="32"/>
      <c r="C23" s="23" t="s">
        <v>25</v>
      </c>
    </row>
    <row r="24" spans="1:3" ht="32.25" customHeight="1" x14ac:dyDescent="0.2">
      <c r="A24" s="17"/>
      <c r="B24" s="32"/>
      <c r="C24" s="23" t="s">
        <v>23</v>
      </c>
    </row>
    <row r="25" spans="1:3" ht="32.25" customHeight="1" x14ac:dyDescent="0.2">
      <c r="A25" s="17"/>
      <c r="B25" s="32"/>
      <c r="C25" s="23" t="s">
        <v>26</v>
      </c>
    </row>
    <row r="26" spans="1:3" ht="61.2" customHeight="1" x14ac:dyDescent="0.2">
      <c r="A26" s="17"/>
      <c r="B26" s="33"/>
      <c r="C26" s="7" t="s">
        <v>27</v>
      </c>
    </row>
    <row r="27" spans="1:3" ht="33" customHeight="1" x14ac:dyDescent="0.2">
      <c r="A27" s="17"/>
      <c r="B27" s="31" t="s">
        <v>34</v>
      </c>
      <c r="C27" s="20" t="s">
        <v>39</v>
      </c>
    </row>
    <row r="28" spans="1:3" ht="33" customHeight="1" x14ac:dyDescent="0.2">
      <c r="A28" s="17"/>
      <c r="B28" s="33"/>
      <c r="C28" s="7" t="s">
        <v>26</v>
      </c>
    </row>
    <row r="29" spans="1:3" ht="32.25" customHeight="1" x14ac:dyDescent="0.2">
      <c r="A29" s="17"/>
      <c r="B29" s="16" t="s">
        <v>15</v>
      </c>
      <c r="C29" s="8" t="s">
        <v>21</v>
      </c>
    </row>
    <row r="30" spans="1:3" ht="32.25" customHeight="1" x14ac:dyDescent="0.2">
      <c r="A30" s="17"/>
      <c r="B30" s="16" t="s">
        <v>44</v>
      </c>
      <c r="C30" s="8" t="s">
        <v>45</v>
      </c>
    </row>
    <row r="31" spans="1:3" ht="32.25" customHeight="1" x14ac:dyDescent="0.2">
      <c r="A31" s="17"/>
      <c r="B31" s="16" t="s">
        <v>46</v>
      </c>
      <c r="C31" s="8" t="s">
        <v>47</v>
      </c>
    </row>
    <row r="32" spans="1:3" ht="32.25" customHeight="1" x14ac:dyDescent="0.2">
      <c r="A32" s="17"/>
      <c r="B32" s="26" t="s">
        <v>16</v>
      </c>
      <c r="C32" s="23" t="s">
        <v>40</v>
      </c>
    </row>
    <row r="33" spans="1:3" ht="32.25" customHeight="1" x14ac:dyDescent="0.2">
      <c r="A33" s="17"/>
      <c r="B33" s="27"/>
      <c r="C33" s="23" t="s">
        <v>41</v>
      </c>
    </row>
    <row r="34" spans="1:3" ht="32.25" customHeight="1" x14ac:dyDescent="0.2">
      <c r="A34" s="17"/>
      <c r="B34" s="27"/>
      <c r="C34" s="23" t="s">
        <v>42</v>
      </c>
    </row>
    <row r="35" spans="1:3" ht="33" customHeight="1" x14ac:dyDescent="0.2">
      <c r="A35" s="17"/>
      <c r="B35" s="27"/>
      <c r="C35" s="24" t="s">
        <v>43</v>
      </c>
    </row>
    <row r="36" spans="1:3" ht="33" customHeight="1" x14ac:dyDescent="0.2">
      <c r="A36" s="17"/>
      <c r="B36" s="27"/>
      <c r="C36" s="23" t="s">
        <v>26</v>
      </c>
    </row>
    <row r="37" spans="1:3" ht="33" customHeight="1" x14ac:dyDescent="0.2">
      <c r="A37" s="17"/>
      <c r="B37" s="27"/>
      <c r="C37" s="14" t="s">
        <v>30</v>
      </c>
    </row>
    <row r="38" spans="1:3" ht="33" customHeight="1" x14ac:dyDescent="0.2">
      <c r="A38" s="10"/>
      <c r="B38" s="28"/>
      <c r="C38" s="7" t="s">
        <v>29</v>
      </c>
    </row>
    <row r="39" spans="1:3" ht="12" x14ac:dyDescent="0.2">
      <c r="B39" s="3"/>
      <c r="C39" s="2"/>
    </row>
  </sheetData>
  <mergeCells count="9">
    <mergeCell ref="B32:B38"/>
    <mergeCell ref="A1:B1"/>
    <mergeCell ref="B7:B8"/>
    <mergeCell ref="B22:B26"/>
    <mergeCell ref="A4:A18"/>
    <mergeCell ref="B12:B14"/>
    <mergeCell ref="B17:B18"/>
    <mergeCell ref="B19:B21"/>
    <mergeCell ref="B27:B28"/>
  </mergeCells>
  <phoneticPr fontId="1"/>
  <printOptions horizontalCentered="1"/>
  <pageMargins left="0.59055118110236227" right="0.39370078740157483" top="0.59055118110236227" bottom="0.39370078740157483" header="0.51181102362204722" footer="0.51181102362204722"/>
  <pageSetup paperSize="9" scale="91" fitToHeight="0" orientation="landscape" r:id="rId1"/>
  <headerFooter alignWithMargins="0"/>
  <rowBreaks count="2" manualBreakCount="2">
    <brk id="18" max="2" man="1"/>
    <brk id="23" max="2"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介護予防）認知症対応型共同生活介護添付書類一覧</vt:lpstr>
      <vt:lpstr>'（介護予防）認知症対応型共同生活介護添付書類一覧'!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t069031</dc:creator>
  <cp:lastModifiedBy>小倉　さやか</cp:lastModifiedBy>
  <cp:lastPrinted>2022-03-29T07:32:26Z</cp:lastPrinted>
  <dcterms:created xsi:type="dcterms:W3CDTF">2021-03-23T10:07:36Z</dcterms:created>
  <dcterms:modified xsi:type="dcterms:W3CDTF">2025-12-11T05:56:15Z</dcterms:modified>
</cp:coreProperties>
</file>